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700D5933" w14:textId="77777777" w:rsidR="00642CF2" w:rsidRDefault="00642CF2" w:rsidP="00FC1BF5">
      <w:pPr>
        <w:pStyle w:val="Title"/>
      </w:pPr>
    </w:p>
    <w:p w14:paraId="7E6C7D31" w14:textId="78FB4106" w:rsidR="00AB49B3" w:rsidRDefault="00133D42" w:rsidP="00FC1BF5">
      <w:pPr>
        <w:pStyle w:val="Title"/>
      </w:pPr>
      <w:r>
        <w:t>KUNO</w:t>
      </w:r>
    </w:p>
    <w:p w14:paraId="48DC7C22" w14:textId="184A88BD" w:rsidR="00A467EA" w:rsidRDefault="007D4FC4" w:rsidP="00FC1BF5">
      <w:pPr>
        <w:pStyle w:val="Title"/>
      </w:pPr>
      <w:r>
        <w:t xml:space="preserve">AI </w:t>
      </w:r>
      <w:r w:rsidR="00FC1BF5">
        <w:t xml:space="preserve">Project and Behaviour </w:t>
      </w:r>
      <w:r>
        <w:t>Plan</w:t>
      </w:r>
      <w:r w:rsidR="00AB49B3">
        <w:t xml:space="preserve"> </w:t>
      </w:r>
    </w:p>
    <w:p w14:paraId="1E8A23E9" w14:textId="4B23E99F" w:rsidR="007D4FC4" w:rsidRDefault="00FC1BF5" w:rsidP="007D4FC4">
      <w:r>
        <w:t>AIE AI Assignment 2018 – 28 Jun 2018</w:t>
      </w:r>
    </w:p>
    <w:p w14:paraId="3D04D8A9" w14:textId="77777777" w:rsidR="00642CF2" w:rsidRPr="007D4FC4" w:rsidRDefault="00642CF2" w:rsidP="007D4FC4"/>
    <w:p w14:paraId="199764D2" w14:textId="5685D65C" w:rsidR="00407D07" w:rsidRDefault="007D4FC4" w:rsidP="007D4FC4">
      <w:pPr>
        <w:pStyle w:val="Heading1"/>
      </w:pPr>
      <w:r>
        <w:t>Abstract</w:t>
      </w:r>
    </w:p>
    <w:p w14:paraId="45E3285B" w14:textId="7DC72742" w:rsidR="00407D07" w:rsidRDefault="00407D07">
      <w:r>
        <w:t xml:space="preserve">This document outlines </w:t>
      </w:r>
      <w:r w:rsidR="007D4FC4">
        <w:t xml:space="preserve">the overview </w:t>
      </w:r>
      <w:r w:rsidR="00FC1BF5">
        <w:t xml:space="preserve">of the game project, the AI systems and pathfinding algorithms to be </w:t>
      </w:r>
      <w:r w:rsidR="006E14CD">
        <w:t xml:space="preserve">approved and then </w:t>
      </w:r>
      <w:r w:rsidR="00FC1BF5">
        <w:t>implemented.</w:t>
      </w:r>
    </w:p>
    <w:p w14:paraId="7E543386" w14:textId="77777777" w:rsidR="00AB49B3" w:rsidRDefault="00AB49B3">
      <w:pPr>
        <w:rPr>
          <w:rFonts w:asciiTheme="majorHAnsi" w:eastAsiaTheme="majorEastAsia" w:hAnsiTheme="majorHAnsi" w:cstheme="majorBidi"/>
          <w:caps/>
          <w:spacing w:val="10"/>
          <w:sz w:val="36"/>
          <w:szCs w:val="36"/>
        </w:rPr>
      </w:pPr>
      <w:r>
        <w:br w:type="page"/>
      </w:r>
    </w:p>
    <w:p w14:paraId="012701F3" w14:textId="35D7B061" w:rsidR="00133D42" w:rsidRPr="00133D42" w:rsidRDefault="00407D07" w:rsidP="00133D42">
      <w:pPr>
        <w:pStyle w:val="Heading1"/>
      </w:pPr>
      <w:r>
        <w:lastRenderedPageBreak/>
        <w:t>Overview</w:t>
      </w:r>
    </w:p>
    <w:p w14:paraId="46CB476B" w14:textId="2362731B" w:rsidR="006E14CD" w:rsidRDefault="00407D07" w:rsidP="007D4FC4">
      <w:r>
        <w:t>The</w:t>
      </w:r>
      <w:r w:rsidR="007D4FC4">
        <w:t xml:space="preserve"> project I am putting forward for this assignment will be </w:t>
      </w:r>
      <w:r>
        <w:t xml:space="preserve">is a stealth based </w:t>
      </w:r>
      <w:r w:rsidR="00566762">
        <w:t>ninja</w:t>
      </w:r>
      <w:r>
        <w:t xml:space="preserve"> game.</w:t>
      </w:r>
    </w:p>
    <w:p w14:paraId="3956CCE6" w14:textId="3A7DECF0" w:rsidR="007D4FC4" w:rsidRDefault="00103DF0" w:rsidP="007D4FC4">
      <w:r>
        <w:rPr>
          <w:noProof/>
        </w:rPr>
        <w:drawing>
          <wp:anchor distT="0" distB="0" distL="114300" distR="114300" simplePos="0" relativeHeight="251659264" behindDoc="1" locked="0" layoutInCell="1" allowOverlap="1" wp14:anchorId="78B73F6A" wp14:editId="78A2E529">
            <wp:simplePos x="0" y="0"/>
            <wp:positionH relativeFrom="margin">
              <wp:align>right</wp:align>
            </wp:positionH>
            <wp:positionV relativeFrom="paragraph">
              <wp:posOffset>10795</wp:posOffset>
            </wp:positionV>
            <wp:extent cx="2273300" cy="1704975"/>
            <wp:effectExtent l="0" t="0" r="0" b="9525"/>
            <wp:wrapTight wrapText="bothSides">
              <wp:wrapPolygon edited="0">
                <wp:start x="0" y="0"/>
                <wp:lineTo x="0" y="21479"/>
                <wp:lineTo x="21359" y="21479"/>
                <wp:lineTo x="21359" y="0"/>
                <wp:lineTo x="0" y="0"/>
              </wp:wrapPolygon>
            </wp:wrapTight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2-1024_611.jpg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273300" cy="17049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6E14CD">
        <w:t>The</w:t>
      </w:r>
      <w:r w:rsidR="007D4FC4">
        <w:t xml:space="preserve"> inspiration is </w:t>
      </w:r>
      <w:r w:rsidR="006E14CD">
        <w:t xml:space="preserve">drawn </w:t>
      </w:r>
      <w:r w:rsidR="007D4FC4">
        <w:t xml:space="preserve">from the </w:t>
      </w:r>
      <w:r w:rsidR="00FE3092">
        <w:t>C</w:t>
      </w:r>
      <w:r w:rsidR="007D4FC4">
        <w:t>ommandos</w:t>
      </w:r>
      <w:r w:rsidR="00862C92">
        <w:t xml:space="preserve"> and </w:t>
      </w:r>
      <w:r w:rsidR="00FE3092">
        <w:t>D</w:t>
      </w:r>
      <w:r w:rsidR="007D4FC4">
        <w:t>esperados series of isometric mission games</w:t>
      </w:r>
      <w:r w:rsidR="00AB49B3">
        <w:t>,</w:t>
      </w:r>
      <w:r w:rsidR="007D4FC4">
        <w:t xml:space="preserve"> and </w:t>
      </w:r>
      <w:proofErr w:type="spellStart"/>
      <w:r w:rsidR="00AB49B3">
        <w:t>S</w:t>
      </w:r>
      <w:r w:rsidR="007D4FC4">
        <w:t>hinobido</w:t>
      </w:r>
      <w:proofErr w:type="spellEnd"/>
      <w:r w:rsidR="00FC1BF5">
        <w:t>/</w:t>
      </w:r>
      <w:r w:rsidR="00AB49B3">
        <w:t>W</w:t>
      </w:r>
      <w:r w:rsidR="00FC1BF5">
        <w:t xml:space="preserve">ay of the </w:t>
      </w:r>
      <w:r w:rsidR="00AB49B3">
        <w:t>N</w:t>
      </w:r>
      <w:r w:rsidR="00FC1BF5">
        <w:t>inja</w:t>
      </w:r>
      <w:r w:rsidR="00AB49B3">
        <w:t xml:space="preserve"> style</w:t>
      </w:r>
      <w:r w:rsidR="00FC1BF5">
        <w:t xml:space="preserve"> games.</w:t>
      </w:r>
    </w:p>
    <w:p w14:paraId="07616237" w14:textId="49B20A36" w:rsidR="00FC1BF5" w:rsidRDefault="00FC1BF5" w:rsidP="007D4FC4">
      <w:r>
        <w:t>The game will be set in feudal japan at the living residence of a warlord.</w:t>
      </w:r>
      <w:r w:rsidR="00862C92">
        <w:t xml:space="preserve"> You will be tasked at </w:t>
      </w:r>
      <w:r w:rsidR="00AB49B3">
        <w:t xml:space="preserve">infiltrating the base, avoiding and deceiving guards where necessary, </w:t>
      </w:r>
      <w:r w:rsidR="00862C92">
        <w:t xml:space="preserve">assassinating the lord and then escaping to the rendezvous point without any </w:t>
      </w:r>
      <w:r w:rsidR="006E14CD">
        <w:t>enemy</w:t>
      </w:r>
      <w:r w:rsidR="00862C92">
        <w:t xml:space="preserve"> following you </w:t>
      </w:r>
      <w:r w:rsidR="00AB49B3">
        <w:t>back.</w:t>
      </w:r>
    </w:p>
    <w:p w14:paraId="4E3EA3A4" w14:textId="0E1F311A" w:rsidR="00785C1F" w:rsidRDefault="00785C1F" w:rsidP="007D4FC4">
      <w:r>
        <w:t>T</w:t>
      </w:r>
      <w:r w:rsidR="00FD25FF">
        <w:t xml:space="preserve">he game will be played on an isometric map. </w:t>
      </w:r>
    </w:p>
    <w:p w14:paraId="6EA5CD1E" w14:textId="370CF696" w:rsidR="000A6716" w:rsidRDefault="000A6716" w:rsidP="007D4FC4">
      <w:r>
        <w:t>The map will be ideally 2.5D isometric, but I may not have enough time to learn and implement such a system. Realistically, it will be just top down orthogonal 2D.</w:t>
      </w:r>
    </w:p>
    <w:p w14:paraId="34A4AD7A" w14:textId="218A4093" w:rsidR="00AB49B3" w:rsidRDefault="00AB49B3" w:rsidP="007D4FC4">
      <w:r>
        <w:t xml:space="preserve">The player will be moved by clicking on a location on the game map like </w:t>
      </w:r>
      <w:proofErr w:type="gramStart"/>
      <w:r>
        <w:t>a</w:t>
      </w:r>
      <w:proofErr w:type="gramEnd"/>
      <w:r>
        <w:t xml:space="preserve"> RTS game. </w:t>
      </w:r>
      <w:r w:rsidR="000A6716">
        <w:t xml:space="preserve">And like </w:t>
      </w:r>
      <w:proofErr w:type="gramStart"/>
      <w:r w:rsidR="000A6716">
        <w:t>a</w:t>
      </w:r>
      <w:proofErr w:type="gramEnd"/>
      <w:r w:rsidR="000A6716">
        <w:t xml:space="preserve"> RTS, the user can move the camera by scrolling to the sides of the screen.</w:t>
      </w:r>
    </w:p>
    <w:p w14:paraId="2EF074BC" w14:textId="4FCCDE08" w:rsidR="00411C00" w:rsidRDefault="00642CF2" w:rsidP="007D4FC4">
      <w:r>
        <w:t xml:space="preserve">There will be guards patrolling the map. They have cones of sights and </w:t>
      </w:r>
      <w:r w:rsidR="00EB0C9C">
        <w:t>will react to sounds</w:t>
      </w:r>
      <w:r w:rsidR="00D66F6D">
        <w:t xml:space="preserve"> or objects</w:t>
      </w:r>
      <w:r w:rsidR="00EB0C9C">
        <w:t>.</w:t>
      </w:r>
      <w:r w:rsidR="00260DB9">
        <w:t xml:space="preserve"> Reactions from the enemies </w:t>
      </w:r>
      <w:r w:rsidR="000A6716">
        <w:t>will be shown to the player.</w:t>
      </w:r>
    </w:p>
    <w:p w14:paraId="286CD4CD" w14:textId="4410219D" w:rsidR="00411C00" w:rsidRDefault="00411C00" w:rsidP="007D4FC4">
      <w:r>
        <w:t>The lord will mainly be staying in his room</w:t>
      </w:r>
      <w:r w:rsidR="001E039D">
        <w:t xml:space="preserve">, apart from occasionally </w:t>
      </w:r>
      <w:r w:rsidR="0091579C">
        <w:t>wandering</w:t>
      </w:r>
      <w:r w:rsidR="001E039D">
        <w:t xml:space="preserve"> out onto the porch </w:t>
      </w:r>
      <w:r w:rsidR="0091579C">
        <w:t xml:space="preserve">to </w:t>
      </w:r>
      <w:r w:rsidR="001E039D">
        <w:t xml:space="preserve">observe the </w:t>
      </w:r>
      <w:r w:rsidR="0091579C">
        <w:t>moon reflecting off the calm pond.</w:t>
      </w:r>
    </w:p>
    <w:p w14:paraId="39E65E2D" w14:textId="4A9C77A0" w:rsidR="00160A45" w:rsidRPr="00160A45" w:rsidRDefault="00160A45" w:rsidP="007D4FC4">
      <w:pPr>
        <w:rPr>
          <w:rStyle w:val="Strong"/>
        </w:rPr>
      </w:pPr>
      <w:r w:rsidRPr="00160A45">
        <w:rPr>
          <w:rStyle w:val="Strong"/>
        </w:rPr>
        <w:t>The AI behaviours will be implemented using behaviour trees.</w:t>
      </w:r>
    </w:p>
    <w:p w14:paraId="4702D34C" w14:textId="13BAACC2" w:rsidR="00AB49B3" w:rsidRDefault="00411C00" w:rsidP="007D4FC4">
      <w:r w:rsidRPr="00160A45">
        <w:rPr>
          <w:rStyle w:val="Strong"/>
        </w:rPr>
        <w:t>All agents</w:t>
      </w:r>
      <w:r w:rsidR="001E039D" w:rsidRPr="00160A45">
        <w:rPr>
          <w:rStyle w:val="Strong"/>
        </w:rPr>
        <w:t xml:space="preserve"> including the player</w:t>
      </w:r>
      <w:r w:rsidRPr="00160A45">
        <w:rPr>
          <w:rStyle w:val="Strong"/>
        </w:rPr>
        <w:t xml:space="preserve"> will be using A* pathfinding to move around the map</w:t>
      </w:r>
      <w:r>
        <w:t>.</w:t>
      </w:r>
      <w:r w:rsidR="001E039D">
        <w:t xml:space="preserve"> There may be areas of the map that are more difficult to manoeuvre across, or make more noise etc. I might set up the pathfinding algorithm so that the player avoids moving across noisy terrain. </w:t>
      </w:r>
    </w:p>
    <w:p w14:paraId="52D8C057" w14:textId="22022324" w:rsidR="00AB49B3" w:rsidRDefault="00642CF2" w:rsidP="007D4FC4">
      <w:r>
        <w:t>This may all be a bit ambitious</w:t>
      </w:r>
      <w:r w:rsidR="001E039D">
        <w:t>,</w:t>
      </w:r>
      <w:r>
        <w:t xml:space="preserve"> but I want to challenge myself.</w:t>
      </w:r>
      <w:r w:rsidR="001E039D">
        <w:t xml:space="preserve"> I will get the basic components up and running first before attempting to implement the more difficult features. </w:t>
      </w:r>
      <w:r>
        <w:t>If the project deems too difficult</w:t>
      </w:r>
      <w:r w:rsidR="001E039D">
        <w:t xml:space="preserve"> or time consuming</w:t>
      </w:r>
      <w:r>
        <w:t xml:space="preserve"> in certain aspects I will adjust</w:t>
      </w:r>
      <w:r w:rsidR="001E039D">
        <w:t xml:space="preserve"> and tone down</w:t>
      </w:r>
      <w:r>
        <w:t xml:space="preserve"> where necessary.</w:t>
      </w:r>
      <w:r w:rsidR="00FE3092">
        <w:br/>
      </w:r>
    </w:p>
    <w:p w14:paraId="4F7AF86C" w14:textId="470ACE81" w:rsidR="00AB49B3" w:rsidRDefault="00160A45">
      <w:r>
        <w:rPr>
          <w:noProof/>
        </w:rPr>
        <w:lastRenderedPageBreak/>
        <w:drawing>
          <wp:anchor distT="0" distB="0" distL="114300" distR="114300" simplePos="0" relativeHeight="251660288" behindDoc="1" locked="0" layoutInCell="1" allowOverlap="1" wp14:anchorId="3DD48AFF" wp14:editId="04A10E13">
            <wp:simplePos x="0" y="0"/>
            <wp:positionH relativeFrom="margin">
              <wp:align>center</wp:align>
            </wp:positionH>
            <wp:positionV relativeFrom="paragraph">
              <wp:posOffset>-261193</wp:posOffset>
            </wp:positionV>
            <wp:extent cx="3322320" cy="2492375"/>
            <wp:effectExtent l="0" t="0" r="0" b="3175"/>
            <wp:wrapTight wrapText="bothSides">
              <wp:wrapPolygon edited="0">
                <wp:start x="0" y="0"/>
                <wp:lineTo x="0" y="21462"/>
                <wp:lineTo x="21427" y="21462"/>
                <wp:lineTo x="21427" y="0"/>
                <wp:lineTo x="0" y="0"/>
              </wp:wrapPolygon>
            </wp:wrapTight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shinobido_sc006.jpg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322320" cy="249237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AB49B3">
        <w:br w:type="page"/>
      </w:r>
    </w:p>
    <w:p w14:paraId="09E1E0C5" w14:textId="77777777" w:rsidR="001E039D" w:rsidRDefault="001E039D" w:rsidP="001E039D">
      <w:pPr>
        <w:pStyle w:val="Heading1"/>
      </w:pPr>
      <w:r>
        <w:lastRenderedPageBreak/>
        <w:t>Map</w:t>
      </w:r>
    </w:p>
    <w:p w14:paraId="3978ACD3" w14:textId="570A31AD" w:rsidR="001E039D" w:rsidRPr="006E14CD" w:rsidRDefault="00133D42" w:rsidP="001E039D">
      <w:r>
        <w:t xml:space="preserve">Rough </w:t>
      </w:r>
      <w:r w:rsidR="001E039D">
        <w:t>prototype of the map:</w:t>
      </w:r>
      <w:r w:rsidR="00160A45" w:rsidRPr="00160A45">
        <w:rPr>
          <w:rFonts w:asciiTheme="majorHAnsi" w:eastAsiaTheme="majorEastAsia" w:hAnsiTheme="majorHAnsi" w:cstheme="majorBidi"/>
          <w:caps/>
          <w:noProof/>
          <w:spacing w:val="10"/>
          <w:sz w:val="36"/>
          <w:szCs w:val="36"/>
        </w:rPr>
        <w:t xml:space="preserve"> </w:t>
      </w:r>
      <w:r w:rsidR="00160A45">
        <w:rPr>
          <w:rFonts w:asciiTheme="majorHAnsi" w:eastAsiaTheme="majorEastAsia" w:hAnsiTheme="majorHAnsi" w:cstheme="majorBidi"/>
          <w:caps/>
          <w:noProof/>
          <w:spacing w:val="10"/>
          <w:sz w:val="36"/>
          <w:szCs w:val="36"/>
        </w:rPr>
        <w:drawing>
          <wp:inline distT="0" distB="0" distL="0" distR="0" wp14:anchorId="0918BD14" wp14:editId="67AD211A">
            <wp:extent cx="5724525" cy="8096250"/>
            <wp:effectExtent l="0" t="0" r="9525" b="0"/>
            <wp:docPr id="5" name="Picture 5" descr="C:\Users\s181335\Downloads\Artificial Intelligence for Gam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81335\Downloads\Artificial Intelligence for Games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4525" cy="8096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C18736" w14:textId="658AEA86" w:rsidR="00FC1BF5" w:rsidRDefault="00FC1BF5" w:rsidP="006E14CD">
      <w:pPr>
        <w:pStyle w:val="Heading1"/>
      </w:pPr>
      <w:r>
        <w:lastRenderedPageBreak/>
        <w:t>Actors</w:t>
      </w:r>
      <w:r w:rsidR="009A7CDB">
        <w:t xml:space="preserve"> and behaviours</w:t>
      </w:r>
    </w:p>
    <w:p w14:paraId="1AB9F868" w14:textId="36E7DAF1" w:rsidR="00862C92" w:rsidRPr="00E20C3A" w:rsidRDefault="006E14CD" w:rsidP="007D4FC4">
      <w:pPr>
        <w:rPr>
          <w:rStyle w:val="Emphasis"/>
        </w:rPr>
      </w:pPr>
      <w:r w:rsidRPr="00E20C3A">
        <w:rPr>
          <w:rStyle w:val="Emphasis"/>
        </w:rPr>
        <w:t>Okuma Yuna – Kunoichi</w:t>
      </w:r>
    </w:p>
    <w:p w14:paraId="18854DCC" w14:textId="533C653A" w:rsidR="006E14CD" w:rsidRDefault="006E14CD" w:rsidP="007D4FC4">
      <w:r>
        <w:t xml:space="preserve">This actor </w:t>
      </w:r>
      <w:r w:rsidR="00AC59C3">
        <w:t>w</w:t>
      </w:r>
      <w:r>
        <w:t>ill be controlled by the player.</w:t>
      </w:r>
    </w:p>
    <w:p w14:paraId="3A61AD5C" w14:textId="145F4598" w:rsidR="009A7CDB" w:rsidRDefault="00AB49B3" w:rsidP="007D4FC4">
      <w:r>
        <w:t xml:space="preserve">To control her states, </w:t>
      </w:r>
      <w:r w:rsidR="009A7CDB">
        <w:t xml:space="preserve">I will be implementing a hierarchical </w:t>
      </w:r>
      <w:r>
        <w:t xml:space="preserve">state machine. </w:t>
      </w:r>
      <w:r w:rsidR="006E14CD">
        <w:t xml:space="preserve">She </w:t>
      </w:r>
      <w:r w:rsidR="005B160D">
        <w:t>can be in</w:t>
      </w:r>
      <w:r w:rsidR="009A7CDB">
        <w:t xml:space="preserve"> these states</w:t>
      </w:r>
      <w:r w:rsidR="005B160D">
        <w:t xml:space="preserve">: </w:t>
      </w:r>
    </w:p>
    <w:p w14:paraId="2572AC6F" w14:textId="11E3CB2D" w:rsidR="009A7CDB" w:rsidRDefault="009A7CDB" w:rsidP="009A7CDB">
      <w:pPr>
        <w:pStyle w:val="ListParagraph"/>
        <w:numPr>
          <w:ilvl w:val="0"/>
          <w:numId w:val="2"/>
        </w:numPr>
      </w:pPr>
      <w:r>
        <w:t>Idle</w:t>
      </w:r>
    </w:p>
    <w:p w14:paraId="6AF62D60" w14:textId="22A93519" w:rsidR="009A7CDB" w:rsidRDefault="009A7CDB" w:rsidP="009A7CDB">
      <w:pPr>
        <w:pStyle w:val="ListParagraph"/>
        <w:numPr>
          <w:ilvl w:val="1"/>
          <w:numId w:val="2"/>
        </w:numPr>
      </w:pPr>
      <w:r>
        <w:t>Stand</w:t>
      </w:r>
    </w:p>
    <w:p w14:paraId="7A524CDE" w14:textId="271A0860" w:rsidR="009A7CDB" w:rsidRDefault="009A7CDB" w:rsidP="009A7CDB">
      <w:pPr>
        <w:pStyle w:val="ListParagraph"/>
        <w:numPr>
          <w:ilvl w:val="1"/>
          <w:numId w:val="2"/>
        </w:numPr>
      </w:pPr>
      <w:r>
        <w:t>Crouch</w:t>
      </w:r>
    </w:p>
    <w:p w14:paraId="10B37B17" w14:textId="4112ABC7" w:rsidR="009A7CDB" w:rsidRDefault="009A7CDB" w:rsidP="009A7CDB">
      <w:pPr>
        <w:pStyle w:val="ListParagraph"/>
        <w:numPr>
          <w:ilvl w:val="0"/>
          <w:numId w:val="2"/>
        </w:numPr>
      </w:pPr>
      <w:r>
        <w:t>Moving</w:t>
      </w:r>
    </w:p>
    <w:p w14:paraId="0454D986" w14:textId="6D609C38" w:rsidR="009A7CDB" w:rsidRDefault="009A7CDB" w:rsidP="009A7CDB">
      <w:pPr>
        <w:pStyle w:val="ListParagraph"/>
        <w:numPr>
          <w:ilvl w:val="1"/>
          <w:numId w:val="2"/>
        </w:numPr>
      </w:pPr>
      <w:r>
        <w:t>Run</w:t>
      </w:r>
    </w:p>
    <w:p w14:paraId="2E56066F" w14:textId="146ACE3F" w:rsidR="009A7CDB" w:rsidRDefault="009A7CDB" w:rsidP="009A7CDB">
      <w:pPr>
        <w:pStyle w:val="ListParagraph"/>
        <w:numPr>
          <w:ilvl w:val="1"/>
          <w:numId w:val="2"/>
        </w:numPr>
      </w:pPr>
      <w:r>
        <w:t>Walk</w:t>
      </w:r>
    </w:p>
    <w:p w14:paraId="1A9E208E" w14:textId="5D2C9DC7" w:rsidR="00AB49B3" w:rsidRDefault="005036DC" w:rsidP="00AB49B3">
      <w:pPr>
        <w:pStyle w:val="ListParagraph"/>
        <w:numPr>
          <w:ilvl w:val="1"/>
          <w:numId w:val="2"/>
        </w:numPr>
      </w:pPr>
      <w:r>
        <w:t>Snea</w:t>
      </w:r>
      <w:r w:rsidR="009A7CDB">
        <w:t>k</w:t>
      </w:r>
    </w:p>
    <w:p w14:paraId="6785279C" w14:textId="2842DF04" w:rsidR="00AB49B3" w:rsidRDefault="00AB49B3" w:rsidP="00AB49B3">
      <w:pPr>
        <w:pStyle w:val="ListParagraph"/>
        <w:numPr>
          <w:ilvl w:val="0"/>
          <w:numId w:val="2"/>
        </w:numPr>
      </w:pPr>
      <w:r>
        <w:t>Attacking</w:t>
      </w:r>
    </w:p>
    <w:p w14:paraId="28725866" w14:textId="1A793C56" w:rsidR="00AB49B3" w:rsidRDefault="00AB49B3" w:rsidP="00AB49B3">
      <w:pPr>
        <w:pStyle w:val="ListParagraph"/>
        <w:numPr>
          <w:ilvl w:val="1"/>
          <w:numId w:val="2"/>
        </w:numPr>
      </w:pPr>
      <w:r>
        <w:t>Normal</w:t>
      </w:r>
    </w:p>
    <w:p w14:paraId="0A07A74C" w14:textId="0454B64E" w:rsidR="00AB49B3" w:rsidRDefault="00AB49B3" w:rsidP="00AB49B3">
      <w:pPr>
        <w:pStyle w:val="ListParagraph"/>
        <w:numPr>
          <w:ilvl w:val="1"/>
          <w:numId w:val="2"/>
        </w:numPr>
      </w:pPr>
      <w:r>
        <w:t>Stealth</w:t>
      </w:r>
    </w:p>
    <w:p w14:paraId="40E28D0D" w14:textId="784DEF21" w:rsidR="00AB49B3" w:rsidRDefault="00AB49B3" w:rsidP="00AB49B3">
      <w:pPr>
        <w:pStyle w:val="ListParagraph"/>
        <w:numPr>
          <w:ilvl w:val="0"/>
          <w:numId w:val="2"/>
        </w:numPr>
      </w:pPr>
      <w:r>
        <w:t>Throw item</w:t>
      </w:r>
    </w:p>
    <w:p w14:paraId="07D766C0" w14:textId="5E3E6D2D" w:rsidR="00AB49B3" w:rsidRDefault="00AB49B3" w:rsidP="00AB49B3">
      <w:pPr>
        <w:pStyle w:val="ListParagraph"/>
        <w:numPr>
          <w:ilvl w:val="0"/>
          <w:numId w:val="2"/>
        </w:numPr>
      </w:pPr>
      <w:r>
        <w:t>Hide</w:t>
      </w:r>
    </w:p>
    <w:p w14:paraId="271B2FE5" w14:textId="77777777" w:rsidR="00CC4111" w:rsidRDefault="00FD25FF" w:rsidP="00785C1F">
      <w:r>
        <w:t xml:space="preserve">Yuna shall be controlled similarly to how a unit is controlled on an RTS game; with the mouse and by selecting and clicking on the location on the map you want Yuna to move to. Double clicking can result in her running there. </w:t>
      </w:r>
    </w:p>
    <w:p w14:paraId="1B77E4AB" w14:textId="3D4CF8E4" w:rsidR="00612BC4" w:rsidRDefault="00FD25FF" w:rsidP="007D4FC4">
      <w:r>
        <w:t xml:space="preserve">Walking and running would make more noise than sneaking, which </w:t>
      </w:r>
      <w:r w:rsidR="00CC4111">
        <w:t>alerts nearby enemies</w:t>
      </w:r>
      <w:r>
        <w:t>. Yuna shall also be able to throw an item like a rock to create a diversion or distract the enemies.</w:t>
      </w:r>
    </w:p>
    <w:p w14:paraId="70EF6E16" w14:textId="04BD54F0" w:rsidR="00612BC4" w:rsidRDefault="00612BC4" w:rsidP="007D4FC4">
      <w:r>
        <w:t>Yuna’s main weapon shall be a s</w:t>
      </w:r>
    </w:p>
    <w:p w14:paraId="7E3994BE" w14:textId="4CF5133A" w:rsidR="00D93126" w:rsidRDefault="00D93126" w:rsidP="007D4FC4">
      <w:r>
        <w:t xml:space="preserve">Attacking an enemy from behind will trigger a stealth attack which will </w:t>
      </w:r>
      <w:r w:rsidR="00E20C3A">
        <w:t xml:space="preserve">almost always </w:t>
      </w:r>
      <w:r>
        <w:t>guarantee the enemy’s death.</w:t>
      </w:r>
    </w:p>
    <w:p w14:paraId="36EC3DA6" w14:textId="77777777" w:rsidR="00612BC4" w:rsidRDefault="00612BC4" w:rsidP="007D4FC4"/>
    <w:p w14:paraId="57A71815" w14:textId="699D0E44" w:rsidR="00260DB9" w:rsidRPr="00E20C3A" w:rsidRDefault="0091579C" w:rsidP="00E20C3A">
      <w:pPr>
        <w:pStyle w:val="Subtitle"/>
        <w:rPr>
          <w:rStyle w:val="Emphasis"/>
        </w:rPr>
      </w:pPr>
      <w:r>
        <w:rPr>
          <w:rStyle w:val="Emphasis"/>
        </w:rPr>
        <w:t>Enemies</w:t>
      </w:r>
    </w:p>
    <w:p w14:paraId="292B5C19" w14:textId="75CF9CDF" w:rsidR="000A6716" w:rsidRDefault="00566762" w:rsidP="00795E96">
      <w:pPr>
        <w:spacing w:line="240" w:lineRule="auto"/>
      </w:pPr>
      <w:r>
        <w:t>Enemies will</w:t>
      </w:r>
      <w:r w:rsidR="00260DB9">
        <w:t xml:space="preserve"> have </w:t>
      </w:r>
      <w:r>
        <w:t xml:space="preserve">these </w:t>
      </w:r>
      <w:r w:rsidR="000A6716">
        <w:t>behaviours:</w:t>
      </w:r>
    </w:p>
    <w:p w14:paraId="5A81F1AE" w14:textId="77777777" w:rsidR="00795E96" w:rsidRDefault="00795E96" w:rsidP="00795E96">
      <w:pPr>
        <w:pStyle w:val="ListParagraph"/>
        <w:numPr>
          <w:ilvl w:val="0"/>
          <w:numId w:val="2"/>
        </w:numPr>
        <w:spacing w:line="276" w:lineRule="auto"/>
      </w:pPr>
      <w:r>
        <w:t>Normal</w:t>
      </w:r>
    </w:p>
    <w:p w14:paraId="199FAB8A" w14:textId="4F06FF6E" w:rsidR="005424EE" w:rsidRDefault="0091579C" w:rsidP="00795E96">
      <w:pPr>
        <w:pStyle w:val="ListParagraph"/>
        <w:numPr>
          <w:ilvl w:val="1"/>
          <w:numId w:val="2"/>
        </w:numPr>
        <w:spacing w:line="276" w:lineRule="auto"/>
      </w:pPr>
      <w:r>
        <w:t>Idle</w:t>
      </w:r>
    </w:p>
    <w:p w14:paraId="1CC4918D" w14:textId="1061F339" w:rsidR="0091579C" w:rsidRDefault="0091579C" w:rsidP="00795E96">
      <w:pPr>
        <w:pStyle w:val="ListParagraph"/>
        <w:numPr>
          <w:ilvl w:val="1"/>
          <w:numId w:val="2"/>
        </w:numPr>
        <w:spacing w:line="276" w:lineRule="auto"/>
      </w:pPr>
      <w:bookmarkStart w:id="0" w:name="_GoBack"/>
      <w:r>
        <w:t>Patrol</w:t>
      </w:r>
    </w:p>
    <w:bookmarkEnd w:id="0"/>
    <w:p w14:paraId="47E52D56" w14:textId="488F7AB7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Suspicious</w:t>
      </w:r>
    </w:p>
    <w:p w14:paraId="43639D44" w14:textId="48C02F76" w:rsidR="0091579C" w:rsidRDefault="0091579C" w:rsidP="00795E96">
      <w:pPr>
        <w:pStyle w:val="ListParagraph"/>
        <w:numPr>
          <w:ilvl w:val="1"/>
          <w:numId w:val="2"/>
        </w:numPr>
        <w:spacing w:line="276" w:lineRule="auto"/>
      </w:pPr>
      <w:r>
        <w:t>Inspect</w:t>
      </w:r>
    </w:p>
    <w:p w14:paraId="34622F77" w14:textId="0FE9AD64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Alert</w:t>
      </w:r>
    </w:p>
    <w:p w14:paraId="12ADA1E8" w14:textId="377042DA" w:rsidR="0091579C" w:rsidRDefault="0091579C" w:rsidP="00795E96">
      <w:pPr>
        <w:pStyle w:val="ListParagraph"/>
        <w:numPr>
          <w:ilvl w:val="1"/>
          <w:numId w:val="2"/>
        </w:numPr>
        <w:spacing w:line="276" w:lineRule="auto"/>
      </w:pPr>
      <w:r>
        <w:t>Attack</w:t>
      </w:r>
      <w:r w:rsidR="001A713A">
        <w:t>; if in attack range</w:t>
      </w:r>
    </w:p>
    <w:p w14:paraId="6DD85E35" w14:textId="758FF9C6" w:rsidR="001A713A" w:rsidRDefault="0091579C" w:rsidP="00795E96">
      <w:pPr>
        <w:pStyle w:val="ListParagraph"/>
        <w:numPr>
          <w:ilvl w:val="1"/>
          <w:numId w:val="2"/>
        </w:numPr>
        <w:spacing w:line="276" w:lineRule="auto"/>
      </w:pPr>
      <w:r>
        <w:t>Pursue</w:t>
      </w:r>
      <w:r w:rsidR="001A713A">
        <w:t>; if out of attack range</w:t>
      </w:r>
    </w:p>
    <w:p w14:paraId="2813A033" w14:textId="11E2317C" w:rsidR="001A713A" w:rsidRDefault="001A713A" w:rsidP="00795E96">
      <w:pPr>
        <w:pStyle w:val="ListParagraph"/>
        <w:numPr>
          <w:ilvl w:val="1"/>
          <w:numId w:val="2"/>
        </w:numPr>
        <w:spacing w:line="276" w:lineRule="auto"/>
      </w:pPr>
      <w:r>
        <w:t>Seek; if out of range</w:t>
      </w:r>
    </w:p>
    <w:p w14:paraId="1CB36D89" w14:textId="629B094D" w:rsidR="001A713A" w:rsidRDefault="0022717C" w:rsidP="00795E96">
      <w:pPr>
        <w:pStyle w:val="ListParagraph"/>
        <w:numPr>
          <w:ilvl w:val="1"/>
          <w:numId w:val="2"/>
        </w:numPr>
        <w:spacing w:line="276" w:lineRule="auto"/>
      </w:pPr>
      <w:r>
        <w:t>Flee</w:t>
      </w:r>
      <w:r w:rsidR="001A713A">
        <w:t>; if health low</w:t>
      </w:r>
    </w:p>
    <w:p w14:paraId="17189BA9" w14:textId="63276C71" w:rsidR="0091579C" w:rsidRDefault="0091579C" w:rsidP="00795E96">
      <w:pPr>
        <w:spacing w:line="240" w:lineRule="auto"/>
      </w:pPr>
      <w:r>
        <w:lastRenderedPageBreak/>
        <w:t>Enemies characters can include:</w:t>
      </w:r>
    </w:p>
    <w:p w14:paraId="0B340B8F" w14:textId="7EE97ED9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Swordsman samurai</w:t>
      </w:r>
    </w:p>
    <w:p w14:paraId="5EB45453" w14:textId="7C405CFC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Bowman samurai</w:t>
      </w:r>
    </w:p>
    <w:p w14:paraId="5AD9AA9B" w14:textId="3F438B83" w:rsidR="0091579C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Servants</w:t>
      </w:r>
    </w:p>
    <w:p w14:paraId="37748026" w14:textId="57AD571C" w:rsidR="00160A45" w:rsidRDefault="0091579C" w:rsidP="00795E96">
      <w:pPr>
        <w:pStyle w:val="ListParagraph"/>
        <w:numPr>
          <w:ilvl w:val="0"/>
          <w:numId w:val="2"/>
        </w:numPr>
        <w:spacing w:line="276" w:lineRule="auto"/>
      </w:pPr>
      <w:r>
        <w:t>Lor</w:t>
      </w:r>
      <w:r w:rsidR="008B6B6B">
        <w:t>d</w:t>
      </w:r>
    </w:p>
    <w:p w14:paraId="7F14AFE8" w14:textId="6E3650A5" w:rsidR="00566762" w:rsidRDefault="00566762" w:rsidP="00566762">
      <w:pPr>
        <w:pStyle w:val="Heading1"/>
      </w:pPr>
      <w:r>
        <w:lastRenderedPageBreak/>
        <w:t>Behaviour Tree</w:t>
      </w:r>
    </w:p>
    <w:p w14:paraId="34C0C5F3" w14:textId="36F8B041" w:rsidR="00795E96" w:rsidRPr="00795E96" w:rsidRDefault="005036DC" w:rsidP="00795E96">
      <w:r>
        <w:rPr>
          <w:noProof/>
        </w:rPr>
        <w:drawing>
          <wp:anchor distT="0" distB="0" distL="114300" distR="114300" simplePos="0" relativeHeight="251661312" behindDoc="1" locked="0" layoutInCell="1" allowOverlap="1" wp14:anchorId="37799527" wp14:editId="79E612FB">
            <wp:simplePos x="0" y="0"/>
            <wp:positionH relativeFrom="page">
              <wp:posOffset>473710</wp:posOffset>
            </wp:positionH>
            <wp:positionV relativeFrom="paragraph">
              <wp:posOffset>327660</wp:posOffset>
            </wp:positionV>
            <wp:extent cx="7086600" cy="7086600"/>
            <wp:effectExtent l="0" t="0" r="0" b="0"/>
            <wp:wrapTight wrapText="bothSides">
              <wp:wrapPolygon edited="0">
                <wp:start x="11090" y="1219"/>
                <wp:lineTo x="10045" y="2148"/>
                <wp:lineTo x="9929" y="2323"/>
                <wp:lineTo x="9639" y="3194"/>
                <wp:lineTo x="8187" y="4123"/>
                <wp:lineTo x="6329" y="4413"/>
                <wp:lineTo x="5400" y="4761"/>
                <wp:lineTo x="5400" y="5052"/>
                <wp:lineTo x="4994" y="5400"/>
                <wp:lineTo x="5052" y="5574"/>
                <wp:lineTo x="5574" y="5981"/>
                <wp:lineTo x="4819" y="6910"/>
                <wp:lineTo x="3832" y="7142"/>
                <wp:lineTo x="2787" y="7606"/>
                <wp:lineTo x="2787" y="7839"/>
                <wp:lineTo x="2497" y="8129"/>
                <wp:lineTo x="2497" y="8245"/>
                <wp:lineTo x="3135" y="8768"/>
                <wp:lineTo x="3135" y="9697"/>
                <wp:lineTo x="2671" y="10626"/>
                <wp:lineTo x="1394" y="10742"/>
                <wp:lineTo x="1161" y="10858"/>
                <wp:lineTo x="1161" y="12194"/>
                <wp:lineTo x="1452" y="12484"/>
                <wp:lineTo x="2148" y="12484"/>
                <wp:lineTo x="1045" y="13006"/>
                <wp:lineTo x="1045" y="13065"/>
                <wp:lineTo x="1858" y="13413"/>
                <wp:lineTo x="639" y="14342"/>
                <wp:lineTo x="465" y="14690"/>
                <wp:lineTo x="406" y="16026"/>
                <wp:lineTo x="2090" y="16200"/>
                <wp:lineTo x="6794" y="16432"/>
                <wp:lineTo x="6968" y="17129"/>
                <wp:lineTo x="6561" y="17535"/>
                <wp:lineTo x="6329" y="17884"/>
                <wp:lineTo x="6329" y="18232"/>
                <wp:lineTo x="6677" y="18987"/>
                <wp:lineTo x="7200" y="19219"/>
                <wp:lineTo x="7316" y="19335"/>
                <wp:lineTo x="15271" y="19335"/>
                <wp:lineTo x="15387" y="19219"/>
                <wp:lineTo x="15968" y="18987"/>
                <wp:lineTo x="16258" y="18232"/>
                <wp:lineTo x="16316" y="17942"/>
                <wp:lineTo x="15910" y="17361"/>
                <wp:lineTo x="15619" y="17129"/>
                <wp:lineTo x="15968" y="16432"/>
                <wp:lineTo x="15677" y="16200"/>
                <wp:lineTo x="14806" y="16200"/>
                <wp:lineTo x="15329" y="15619"/>
                <wp:lineTo x="15271" y="14342"/>
                <wp:lineTo x="11439" y="13413"/>
                <wp:lineTo x="11729" y="13413"/>
                <wp:lineTo x="15735" y="12542"/>
                <wp:lineTo x="15852" y="12484"/>
                <wp:lineTo x="16258" y="11729"/>
                <wp:lineTo x="16142" y="11090"/>
                <wp:lineTo x="15794" y="10626"/>
                <wp:lineTo x="15852" y="9697"/>
                <wp:lineTo x="17013" y="9697"/>
                <wp:lineTo x="19335" y="9058"/>
                <wp:lineTo x="19394" y="7548"/>
                <wp:lineTo x="18581" y="7142"/>
                <wp:lineTo x="17477" y="6910"/>
                <wp:lineTo x="16955" y="5981"/>
                <wp:lineTo x="17477" y="5690"/>
                <wp:lineTo x="17535" y="5400"/>
                <wp:lineTo x="17129" y="5052"/>
                <wp:lineTo x="17187" y="4761"/>
                <wp:lineTo x="16200" y="4413"/>
                <wp:lineTo x="14342" y="4123"/>
                <wp:lineTo x="12890" y="3194"/>
                <wp:lineTo x="12716" y="2265"/>
                <wp:lineTo x="11497" y="1219"/>
                <wp:lineTo x="11090" y="1219"/>
              </wp:wrapPolygon>
            </wp:wrapTight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IMG_3435.PNG"/>
                    <pic:cNvPicPr/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7086600" cy="70866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t xml:space="preserve">Preliminary behaviour tree for </w:t>
      </w:r>
      <w:proofErr w:type="gramStart"/>
      <w:r>
        <w:t xml:space="preserve">the </w:t>
      </w:r>
      <w:r w:rsidR="00795E96">
        <w:t>:</w:t>
      </w:r>
      <w:proofErr w:type="gramEnd"/>
    </w:p>
    <w:p w14:paraId="7EFD0876" w14:textId="772A5758" w:rsidR="00AB49B3" w:rsidRPr="005036DC" w:rsidRDefault="00566762" w:rsidP="005036DC">
      <w:pPr>
        <w:rPr>
          <w:rFonts w:asciiTheme="majorHAnsi" w:eastAsiaTheme="majorEastAsia" w:hAnsiTheme="majorHAnsi" w:cstheme="majorBidi"/>
          <w:caps/>
          <w:spacing w:val="10"/>
          <w:sz w:val="36"/>
          <w:szCs w:val="36"/>
        </w:rPr>
      </w:pPr>
      <w:r>
        <w:br w:type="page"/>
      </w:r>
    </w:p>
    <w:p w14:paraId="3E2EEE1B" w14:textId="24CCDE06" w:rsidR="00AB49B3" w:rsidRDefault="008B6B6B" w:rsidP="00AB49B3">
      <w:pPr>
        <w:pStyle w:val="Heading1"/>
      </w:pPr>
      <w:r>
        <w:lastRenderedPageBreak/>
        <w:t>REFERENCES</w:t>
      </w:r>
    </w:p>
    <w:p w14:paraId="78EAA1E6" w14:textId="6FBAB0E5" w:rsidR="00AB49B3" w:rsidRDefault="008B6B6B" w:rsidP="00AB49B3">
      <w:r>
        <w:t>Kunoichi a</w:t>
      </w:r>
      <w:r w:rsidR="00AB49B3">
        <w:t>rtwork from:</w:t>
      </w:r>
      <w:r>
        <w:br/>
      </w:r>
      <w:hyperlink r:id="rId12" w:history="1">
        <w:r w:rsidRPr="003F7D34">
          <w:rPr>
            <w:rStyle w:val="Hyperlink"/>
          </w:rPr>
          <w:t>https://www.dualshockers.com/black-desert-online-gets-two-new-classes-next-week-ninja-and-kunoichi/</w:t>
        </w:r>
      </w:hyperlink>
    </w:p>
    <w:p w14:paraId="5FA58820" w14:textId="429EE937" w:rsidR="008B6B6B" w:rsidRDefault="008B6B6B" w:rsidP="00AB49B3">
      <w:r>
        <w:t>Screenshots from:</w:t>
      </w:r>
      <w:r>
        <w:br/>
      </w:r>
      <w:hyperlink r:id="rId13" w:history="1">
        <w:r w:rsidRPr="003F7D34">
          <w:rPr>
            <w:rStyle w:val="Hyperlink"/>
          </w:rPr>
          <w:t>https://www.g2play.net/category/609/commandos-behind-enemy-lines-steam-key/</w:t>
        </w:r>
      </w:hyperlink>
    </w:p>
    <w:p w14:paraId="2251ABD9" w14:textId="7C63E76C" w:rsidR="008B6B6B" w:rsidRPr="00AB49B3" w:rsidRDefault="00EA652C" w:rsidP="00AB49B3">
      <w:hyperlink r:id="rId14" w:history="1">
        <w:r w:rsidR="008B6B6B" w:rsidRPr="003F7D34">
          <w:rPr>
            <w:rStyle w:val="Hyperlink"/>
          </w:rPr>
          <w:t>https://www.playstation.com/en-au/games/shinobido-way-of-the-ninja-ps2/</w:t>
        </w:r>
      </w:hyperlink>
      <w:r w:rsidR="008B6B6B">
        <w:t xml:space="preserve"> </w:t>
      </w:r>
    </w:p>
    <w:sectPr w:rsidR="008B6B6B" w:rsidRPr="00AB49B3" w:rsidSect="00133D42">
      <w:headerReference w:type="even" r:id="rId15"/>
      <w:headerReference w:type="default" r:id="rId16"/>
      <w:footerReference w:type="default" r:id="rId17"/>
      <w:headerReference w:type="first" r:id="rId18"/>
      <w:pgSz w:w="11906" w:h="16838"/>
      <w:pgMar w:top="1440" w:right="1440" w:bottom="1440" w:left="1440" w:header="708" w:footer="708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07496ECF" w14:textId="77777777" w:rsidR="00587FCD" w:rsidRDefault="00587FCD" w:rsidP="00FC1BF5">
      <w:pPr>
        <w:spacing w:after="0" w:line="240" w:lineRule="auto"/>
      </w:pPr>
      <w:r>
        <w:separator/>
      </w:r>
    </w:p>
  </w:endnote>
  <w:endnote w:type="continuationSeparator" w:id="0">
    <w:p w14:paraId="764A6AA2" w14:textId="77777777" w:rsidR="00587FCD" w:rsidRDefault="00587FCD" w:rsidP="00FC1BF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310723009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16B8C7D5" w14:textId="548E6B76" w:rsidR="00133D42" w:rsidRDefault="00133D42">
        <w:pPr>
          <w:pStyle w:val="Footer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>
          <w:rPr>
            <w:noProof/>
          </w:rPr>
          <w:t>2</w:t>
        </w:r>
        <w:r>
          <w:rPr>
            <w:noProof/>
          </w:rPr>
          <w:fldChar w:fldCharType="end"/>
        </w:r>
      </w:p>
    </w:sdtContent>
  </w:sdt>
  <w:p w14:paraId="688E2726" w14:textId="77777777" w:rsidR="006E14CD" w:rsidRDefault="006E14CD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07DA681" w14:textId="77777777" w:rsidR="00587FCD" w:rsidRDefault="00587FCD" w:rsidP="00FC1BF5">
      <w:pPr>
        <w:spacing w:after="0" w:line="240" w:lineRule="auto"/>
      </w:pPr>
      <w:r>
        <w:separator/>
      </w:r>
    </w:p>
  </w:footnote>
  <w:footnote w:type="continuationSeparator" w:id="0">
    <w:p w14:paraId="6B4F692A" w14:textId="77777777" w:rsidR="00587FCD" w:rsidRDefault="00587FCD" w:rsidP="00FC1BF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F6B803E" w14:textId="6B9839F1" w:rsidR="006E14CD" w:rsidRDefault="00EA652C">
    <w:pPr>
      <w:pStyle w:val="Header"/>
    </w:pPr>
    <w:r>
      <w:rPr>
        <w:noProof/>
      </w:rPr>
      <w:pict w14:anchorId="49F3BD2C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81215712" o:spid="_x0000_s2050" type="#_x0000_t75" style="position:absolute;margin-left:0;margin-top:0;width:340.45pt;height:697.6pt;z-index:-251657216;mso-position-horizontal:center;mso-position-horizontal-relative:margin;mso-position-vertical:center;mso-position-vertical-relative:margin" o:allowincell="f">
          <v:imagedata r:id="rId1" o:title="BDO_NinjaKuno-5" gain="19661f" blacklevel="22938f"/>
          <w10:wrap anchorx="margin" anchory="margin"/>
        </v:shape>
      </w:pic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A00B0DB" w14:textId="26AD2D1C" w:rsidR="00FC1BF5" w:rsidRDefault="00EA652C">
    <w:pPr>
      <w:pStyle w:val="Header"/>
    </w:pPr>
    <w:r>
      <w:rPr>
        <w:noProof/>
      </w:rPr>
      <w:pict w14:anchorId="5CA842C4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81215713" o:spid="_x0000_s2051" type="#_x0000_t75" style="position:absolute;margin-left:0;margin-top:0;width:340.45pt;height:697.6pt;z-index:-251656192;mso-position-horizontal:center;mso-position-horizontal-relative:margin;mso-position-vertical:center;mso-position-vertical-relative:margin" o:allowincell="f">
          <v:imagedata r:id="rId1" o:title="BDO_NinjaKuno-5" gain="19661f" blacklevel="22938f"/>
          <w10:wrap anchorx="margin" anchory="margin"/>
        </v:shape>
      </w:pict>
    </w:r>
    <w:r w:rsidR="00FC1BF5">
      <w:t>Tony Le – AI Project and Behaviour Plan</w: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5C33FEA" w14:textId="1324E715" w:rsidR="006E14CD" w:rsidRDefault="00EA652C">
    <w:pPr>
      <w:pStyle w:val="Header"/>
    </w:pPr>
    <w:r>
      <w:rPr>
        <w:noProof/>
      </w:rPr>
      <w:pict w14:anchorId="09C1D1BF">
        <v:shapetype id="_x0000_t75" coordsize="21600,21600" o:spt="75" o:preferrelative="t" path="m@4@5l@4@11@9@11@9@5xe" filled="f" stroked="f">
          <v:stroke joinstyle="miter"/>
          <v:formulas>
            <v:f eqn="if lineDrawn pixelLineWidth 0"/>
            <v:f eqn="sum @0 1 0"/>
            <v:f eqn="sum 0 0 @1"/>
            <v:f eqn="prod @2 1 2"/>
            <v:f eqn="prod @3 21600 pixelWidth"/>
            <v:f eqn="prod @3 21600 pixelHeight"/>
            <v:f eqn="sum @0 0 1"/>
            <v:f eqn="prod @6 1 2"/>
            <v:f eqn="prod @7 21600 pixelWidth"/>
            <v:f eqn="sum @8 21600 0"/>
            <v:f eqn="prod @7 21600 pixelHeight"/>
            <v:f eqn="sum @10 21600 0"/>
          </v:formulas>
          <v:path o:extrusionok="f" gradientshapeok="t" o:connecttype="rect"/>
          <o:lock v:ext="edit" aspectratio="t"/>
        </v:shapetype>
        <v:shape id="WordPictureWatermark81215711" o:spid="_x0000_s2049" type="#_x0000_t75" style="position:absolute;margin-left:0;margin-top:0;width:340.45pt;height:697.6pt;z-index:-251658240;mso-position-horizontal:center;mso-position-horizontal-relative:margin;mso-position-vertical:center;mso-position-vertical-relative:margin" o:allowincell="f">
          <v:imagedata r:id="rId1" o:title="BDO_NinjaKuno-5" gain="19661f" blacklevel="22938f"/>
          <w10:wrap anchorx="margin" anchory="margin"/>
        </v:shape>
      </w:pic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1A54314E"/>
    <w:multiLevelType w:val="hybridMultilevel"/>
    <w:tmpl w:val="E1925B02"/>
    <w:lvl w:ilvl="0" w:tplc="0174384A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D9F5DBA"/>
    <w:multiLevelType w:val="hybridMultilevel"/>
    <w:tmpl w:val="DC509B16"/>
    <w:lvl w:ilvl="0" w:tplc="0174384A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hdrShapeDefaults>
    <o:shapedefaults v:ext="edit" spidmax="2056"/>
    <o:shapelayout v:ext="edit">
      <o:idmap v:ext="edit" data="2"/>
    </o:shapelayout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07D07"/>
    <w:rsid w:val="000A6716"/>
    <w:rsid w:val="00103DF0"/>
    <w:rsid w:val="00133D42"/>
    <w:rsid w:val="00134AAF"/>
    <w:rsid w:val="00160A45"/>
    <w:rsid w:val="001A713A"/>
    <w:rsid w:val="001E039D"/>
    <w:rsid w:val="001E22E4"/>
    <w:rsid w:val="0022717C"/>
    <w:rsid w:val="00260DB9"/>
    <w:rsid w:val="00357309"/>
    <w:rsid w:val="003D2709"/>
    <w:rsid w:val="00407D07"/>
    <w:rsid w:val="00411C00"/>
    <w:rsid w:val="004877C9"/>
    <w:rsid w:val="005036DC"/>
    <w:rsid w:val="005424EE"/>
    <w:rsid w:val="00566762"/>
    <w:rsid w:val="00587FCD"/>
    <w:rsid w:val="005B160D"/>
    <w:rsid w:val="00612BC4"/>
    <w:rsid w:val="00642CF2"/>
    <w:rsid w:val="006E14CD"/>
    <w:rsid w:val="007245D4"/>
    <w:rsid w:val="00785C1F"/>
    <w:rsid w:val="00795E96"/>
    <w:rsid w:val="007C19FC"/>
    <w:rsid w:val="007D4FC4"/>
    <w:rsid w:val="00862C92"/>
    <w:rsid w:val="008B6B6B"/>
    <w:rsid w:val="0091579C"/>
    <w:rsid w:val="009A7CDB"/>
    <w:rsid w:val="009B2B05"/>
    <w:rsid w:val="009D0166"/>
    <w:rsid w:val="00A467EA"/>
    <w:rsid w:val="00AB49B3"/>
    <w:rsid w:val="00AC59C3"/>
    <w:rsid w:val="00CC4111"/>
    <w:rsid w:val="00D66F6D"/>
    <w:rsid w:val="00D857CD"/>
    <w:rsid w:val="00D93126"/>
    <w:rsid w:val="00E138D9"/>
    <w:rsid w:val="00E20C3A"/>
    <w:rsid w:val="00EA652C"/>
    <w:rsid w:val="00EB0C9C"/>
    <w:rsid w:val="00F91B33"/>
    <w:rsid w:val="00FC1BF5"/>
    <w:rsid w:val="00FD25FF"/>
    <w:rsid w:val="00FE309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6"/>
    <o:shapelayout v:ext="edit">
      <o:idmap v:ext="edit" data="1"/>
    </o:shapelayout>
  </w:shapeDefaults>
  <w:decimalSymbol w:val="."/>
  <w:listSeparator w:val=","/>
  <w14:docId w14:val="775766E3"/>
  <w15:chartTrackingRefBased/>
  <w15:docId w15:val="{FBAE2435-C185-4E68-9E43-C94024AE319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1"/>
        <w:szCs w:val="21"/>
        <w:lang w:val="en-AU" w:eastAsia="en-US" w:bidi="ar-SA"/>
      </w:rPr>
    </w:rPrDefault>
    <w:pPrDefault>
      <w:pPr>
        <w:spacing w:after="160" w:line="312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FC1BF5"/>
  </w:style>
  <w:style w:type="paragraph" w:styleId="Heading1">
    <w:name w:val="heading 1"/>
    <w:basedOn w:val="Normal"/>
    <w:next w:val="Normal"/>
    <w:link w:val="Heading1Char"/>
    <w:uiPriority w:val="9"/>
    <w:qFormat/>
    <w:rsid w:val="00FC1BF5"/>
    <w:pPr>
      <w:keepNext/>
      <w:keepLines/>
      <w:pBdr>
        <w:left w:val="single" w:sz="12" w:space="12" w:color="ED7D31" w:themeColor="accent2"/>
      </w:pBdr>
      <w:spacing w:before="80" w:after="80" w:line="240" w:lineRule="auto"/>
      <w:outlineLvl w:val="0"/>
    </w:pPr>
    <w:rPr>
      <w:rFonts w:asciiTheme="majorHAnsi" w:eastAsiaTheme="majorEastAsia" w:hAnsiTheme="majorHAnsi" w:cstheme="majorBidi"/>
      <w:caps/>
      <w:spacing w:val="10"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C1BF5"/>
    <w:pPr>
      <w:keepNext/>
      <w:keepLines/>
      <w:spacing w:before="120" w:after="0" w:line="240" w:lineRule="auto"/>
      <w:outlineLvl w:val="1"/>
    </w:pPr>
    <w:rPr>
      <w:rFonts w:asciiTheme="majorHAnsi" w:eastAsiaTheme="majorEastAsia" w:hAnsiTheme="majorHAnsi" w:cstheme="majorBidi"/>
      <w:sz w:val="36"/>
      <w:szCs w:val="36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2"/>
    </w:pPr>
    <w:rPr>
      <w:rFonts w:asciiTheme="majorHAnsi" w:eastAsiaTheme="majorEastAsia" w:hAnsiTheme="majorHAnsi" w:cstheme="majorBidi"/>
      <w:caps/>
      <w:sz w:val="28"/>
      <w:szCs w:val="28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3"/>
    </w:pPr>
    <w:rPr>
      <w:rFonts w:asciiTheme="majorHAnsi" w:eastAsiaTheme="majorEastAsia" w:hAnsiTheme="majorHAnsi" w:cstheme="majorBidi"/>
      <w:i/>
      <w:iCs/>
      <w:sz w:val="28"/>
      <w:szCs w:val="28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4"/>
    </w:pPr>
    <w:rPr>
      <w:rFonts w:asciiTheme="majorHAnsi" w:eastAsiaTheme="majorEastAsia" w:hAnsiTheme="majorHAnsi" w:cstheme="majorBidi"/>
      <w:sz w:val="24"/>
      <w:szCs w:val="24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5"/>
    </w:pPr>
    <w:rPr>
      <w:rFonts w:asciiTheme="majorHAnsi" w:eastAsiaTheme="majorEastAsia" w:hAnsiTheme="majorHAnsi" w:cstheme="majorBidi"/>
      <w:i/>
      <w:iCs/>
      <w:sz w:val="24"/>
      <w:szCs w:val="24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6"/>
    </w:pPr>
    <w:rPr>
      <w:rFonts w:asciiTheme="majorHAnsi" w:eastAsiaTheme="majorEastAsia" w:hAnsiTheme="majorHAnsi" w:cstheme="majorBidi"/>
      <w:color w:val="595959" w:themeColor="text1" w:themeTint="A6"/>
      <w:sz w:val="24"/>
      <w:szCs w:val="24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7"/>
    </w:pPr>
    <w:rPr>
      <w:rFonts w:asciiTheme="majorHAnsi" w:eastAsiaTheme="majorEastAsia" w:hAnsiTheme="majorHAnsi" w:cstheme="majorBidi"/>
      <w:caps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C1BF5"/>
    <w:pPr>
      <w:keepNext/>
      <w:keepLines/>
      <w:spacing w:before="80" w:after="0" w:line="240" w:lineRule="auto"/>
      <w:outlineLvl w:val="8"/>
    </w:pPr>
    <w:rPr>
      <w:rFonts w:asciiTheme="majorHAnsi" w:eastAsiaTheme="majorEastAsia" w:hAnsiTheme="majorHAnsi" w:cstheme="majorBidi"/>
      <w:i/>
      <w:iCs/>
      <w:caps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FC1BF5"/>
    <w:pPr>
      <w:ind w:left="720"/>
      <w:contextualSpacing/>
    </w:pPr>
  </w:style>
  <w:style w:type="character" w:customStyle="1" w:styleId="Heading1Char">
    <w:name w:val="Heading 1 Char"/>
    <w:basedOn w:val="DefaultParagraphFont"/>
    <w:link w:val="Heading1"/>
    <w:uiPriority w:val="9"/>
    <w:rsid w:val="00FC1BF5"/>
    <w:rPr>
      <w:rFonts w:asciiTheme="majorHAnsi" w:eastAsiaTheme="majorEastAsia" w:hAnsiTheme="majorHAnsi" w:cstheme="majorBidi"/>
      <w:caps/>
      <w:spacing w:val="10"/>
      <w:sz w:val="36"/>
      <w:szCs w:val="36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C1BF5"/>
    <w:rPr>
      <w:rFonts w:asciiTheme="majorHAnsi" w:eastAsiaTheme="majorEastAsia" w:hAnsiTheme="majorHAnsi" w:cstheme="majorBidi"/>
      <w:sz w:val="36"/>
      <w:szCs w:val="36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C1BF5"/>
    <w:rPr>
      <w:rFonts w:asciiTheme="majorHAnsi" w:eastAsiaTheme="majorEastAsia" w:hAnsiTheme="majorHAnsi" w:cstheme="majorBidi"/>
      <w:caps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C1BF5"/>
    <w:rPr>
      <w:rFonts w:asciiTheme="majorHAnsi" w:eastAsiaTheme="majorEastAsia" w:hAnsiTheme="majorHAnsi" w:cstheme="majorBidi"/>
      <w:i/>
      <w:iCs/>
      <w:sz w:val="28"/>
      <w:szCs w:val="28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C1BF5"/>
    <w:rPr>
      <w:rFonts w:asciiTheme="majorHAnsi" w:eastAsiaTheme="majorEastAsia" w:hAnsiTheme="majorHAnsi" w:cstheme="majorBidi"/>
      <w:sz w:val="24"/>
      <w:szCs w:val="24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C1BF5"/>
    <w:rPr>
      <w:rFonts w:asciiTheme="majorHAnsi" w:eastAsiaTheme="majorEastAsia" w:hAnsiTheme="majorHAnsi" w:cstheme="majorBidi"/>
      <w:i/>
      <w:iCs/>
      <w:sz w:val="24"/>
      <w:szCs w:val="24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FC1BF5"/>
    <w:rPr>
      <w:rFonts w:asciiTheme="majorHAnsi" w:eastAsiaTheme="majorEastAsia" w:hAnsiTheme="majorHAnsi" w:cstheme="majorBidi"/>
      <w:color w:val="595959" w:themeColor="text1" w:themeTint="A6"/>
      <w:sz w:val="24"/>
      <w:szCs w:val="24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FC1BF5"/>
    <w:rPr>
      <w:rFonts w:asciiTheme="majorHAnsi" w:eastAsiaTheme="majorEastAsia" w:hAnsiTheme="majorHAnsi" w:cstheme="majorBidi"/>
      <w:caps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FC1BF5"/>
    <w:rPr>
      <w:rFonts w:asciiTheme="majorHAnsi" w:eastAsiaTheme="majorEastAsia" w:hAnsiTheme="majorHAnsi" w:cstheme="majorBidi"/>
      <w:i/>
      <w:iCs/>
      <w:caps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FC1BF5"/>
    <w:pPr>
      <w:spacing w:line="240" w:lineRule="auto"/>
    </w:pPr>
    <w:rPr>
      <w:b/>
      <w:bCs/>
      <w:color w:val="ED7D31" w:themeColor="accent2"/>
      <w:spacing w:val="10"/>
      <w:sz w:val="16"/>
      <w:szCs w:val="16"/>
    </w:rPr>
  </w:style>
  <w:style w:type="paragraph" w:styleId="Title">
    <w:name w:val="Title"/>
    <w:basedOn w:val="Normal"/>
    <w:next w:val="Normal"/>
    <w:link w:val="TitleChar"/>
    <w:uiPriority w:val="10"/>
    <w:qFormat/>
    <w:rsid w:val="00FC1BF5"/>
    <w:pPr>
      <w:spacing w:after="0" w:line="240" w:lineRule="auto"/>
      <w:contextualSpacing/>
    </w:pPr>
    <w:rPr>
      <w:rFonts w:asciiTheme="majorHAnsi" w:eastAsiaTheme="majorEastAsia" w:hAnsiTheme="majorHAnsi" w:cstheme="majorBidi"/>
      <w:caps/>
      <w:spacing w:val="40"/>
      <w:sz w:val="76"/>
      <w:szCs w:val="76"/>
    </w:rPr>
  </w:style>
  <w:style w:type="character" w:customStyle="1" w:styleId="TitleChar">
    <w:name w:val="Title Char"/>
    <w:basedOn w:val="DefaultParagraphFont"/>
    <w:link w:val="Title"/>
    <w:uiPriority w:val="10"/>
    <w:rsid w:val="00FC1BF5"/>
    <w:rPr>
      <w:rFonts w:asciiTheme="majorHAnsi" w:eastAsiaTheme="majorEastAsia" w:hAnsiTheme="majorHAnsi" w:cstheme="majorBidi"/>
      <w:caps/>
      <w:spacing w:val="40"/>
      <w:sz w:val="76"/>
      <w:szCs w:val="76"/>
    </w:rPr>
  </w:style>
  <w:style w:type="paragraph" w:styleId="Subtitle">
    <w:name w:val="Subtitle"/>
    <w:basedOn w:val="Normal"/>
    <w:next w:val="Normal"/>
    <w:link w:val="SubtitleChar"/>
    <w:uiPriority w:val="11"/>
    <w:qFormat/>
    <w:rsid w:val="00FC1BF5"/>
    <w:pPr>
      <w:numPr>
        <w:ilvl w:val="1"/>
      </w:numPr>
      <w:spacing w:after="240"/>
    </w:pPr>
    <w:rPr>
      <w:color w:val="000000" w:themeColor="text1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FC1BF5"/>
    <w:rPr>
      <w:color w:val="000000" w:themeColor="text1"/>
      <w:sz w:val="24"/>
      <w:szCs w:val="24"/>
    </w:rPr>
  </w:style>
  <w:style w:type="character" w:styleId="Strong">
    <w:name w:val="Strong"/>
    <w:basedOn w:val="DefaultParagraphFont"/>
    <w:uiPriority w:val="22"/>
    <w:qFormat/>
    <w:rsid w:val="00FC1BF5"/>
    <w:rPr>
      <w:rFonts w:asciiTheme="minorHAnsi" w:eastAsiaTheme="minorEastAsia" w:hAnsiTheme="minorHAnsi" w:cstheme="minorBidi"/>
      <w:b/>
      <w:bCs/>
      <w:spacing w:val="0"/>
      <w:w w:val="100"/>
      <w:position w:val="0"/>
      <w:sz w:val="20"/>
      <w:szCs w:val="20"/>
    </w:rPr>
  </w:style>
  <w:style w:type="character" w:styleId="Emphasis">
    <w:name w:val="Emphasis"/>
    <w:basedOn w:val="DefaultParagraphFont"/>
    <w:uiPriority w:val="20"/>
    <w:qFormat/>
    <w:rsid w:val="00FC1BF5"/>
    <w:rPr>
      <w:rFonts w:asciiTheme="minorHAnsi" w:eastAsiaTheme="minorEastAsia" w:hAnsiTheme="minorHAnsi" w:cstheme="minorBidi"/>
      <w:i/>
      <w:iCs/>
      <w:color w:val="C45911" w:themeColor="accent2" w:themeShade="BF"/>
      <w:sz w:val="20"/>
      <w:szCs w:val="20"/>
    </w:rPr>
  </w:style>
  <w:style w:type="paragraph" w:styleId="NoSpacing">
    <w:name w:val="No Spacing"/>
    <w:uiPriority w:val="1"/>
    <w:qFormat/>
    <w:rsid w:val="00FC1BF5"/>
    <w:pPr>
      <w:spacing w:after="0" w:line="240" w:lineRule="auto"/>
    </w:pPr>
  </w:style>
  <w:style w:type="paragraph" w:styleId="Quote">
    <w:name w:val="Quote"/>
    <w:basedOn w:val="Normal"/>
    <w:next w:val="Normal"/>
    <w:link w:val="QuoteChar"/>
    <w:uiPriority w:val="29"/>
    <w:qFormat/>
    <w:rsid w:val="00FC1BF5"/>
    <w:pPr>
      <w:spacing w:before="160"/>
      <w:ind w:left="72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QuoteChar">
    <w:name w:val="Quote Char"/>
    <w:basedOn w:val="DefaultParagraphFont"/>
    <w:link w:val="Quote"/>
    <w:uiPriority w:val="29"/>
    <w:rsid w:val="00FC1BF5"/>
    <w:rPr>
      <w:rFonts w:asciiTheme="majorHAnsi" w:eastAsiaTheme="majorEastAsia" w:hAnsiTheme="majorHAnsi" w:cstheme="majorBidi"/>
      <w:sz w:val="24"/>
      <w:szCs w:val="24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FC1BF5"/>
    <w:pPr>
      <w:spacing w:before="100" w:beforeAutospacing="1" w:after="240"/>
      <w:ind w:left="936" w:right="936"/>
      <w:jc w:val="center"/>
    </w:pPr>
    <w:rPr>
      <w:rFonts w:asciiTheme="majorHAnsi" w:eastAsiaTheme="majorEastAsia" w:hAnsiTheme="majorHAnsi" w:cstheme="majorBidi"/>
      <w:caps/>
      <w:color w:val="C45911" w:themeColor="accent2" w:themeShade="BF"/>
      <w:spacing w:val="10"/>
      <w:sz w:val="28"/>
      <w:szCs w:val="28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FC1BF5"/>
    <w:rPr>
      <w:rFonts w:asciiTheme="majorHAnsi" w:eastAsiaTheme="majorEastAsia" w:hAnsiTheme="majorHAnsi" w:cstheme="majorBidi"/>
      <w:caps/>
      <w:color w:val="C45911" w:themeColor="accent2" w:themeShade="BF"/>
      <w:spacing w:val="10"/>
      <w:sz w:val="28"/>
      <w:szCs w:val="28"/>
    </w:rPr>
  </w:style>
  <w:style w:type="character" w:styleId="SubtleEmphasis">
    <w:name w:val="Subtle Emphasis"/>
    <w:basedOn w:val="DefaultParagraphFont"/>
    <w:uiPriority w:val="19"/>
    <w:qFormat/>
    <w:rsid w:val="00FC1BF5"/>
    <w:rPr>
      <w:i/>
      <w:iCs/>
      <w:color w:val="auto"/>
    </w:rPr>
  </w:style>
  <w:style w:type="character" w:styleId="IntenseEmphasis">
    <w:name w:val="Intense Emphasis"/>
    <w:basedOn w:val="DefaultParagraphFont"/>
    <w:uiPriority w:val="21"/>
    <w:qFormat/>
    <w:rsid w:val="00FC1BF5"/>
    <w:rPr>
      <w:rFonts w:asciiTheme="minorHAnsi" w:eastAsiaTheme="minorEastAsia" w:hAnsiTheme="minorHAnsi" w:cstheme="minorBidi"/>
      <w:b/>
      <w:bCs/>
      <w:i/>
      <w:iCs/>
      <w:color w:val="C45911" w:themeColor="accent2" w:themeShade="BF"/>
      <w:spacing w:val="0"/>
      <w:w w:val="100"/>
      <w:position w:val="0"/>
      <w:sz w:val="20"/>
      <w:szCs w:val="20"/>
    </w:rPr>
  </w:style>
  <w:style w:type="character" w:styleId="SubtleReference">
    <w:name w:val="Subtle Reference"/>
    <w:basedOn w:val="DefaultParagraphFont"/>
    <w:uiPriority w:val="31"/>
    <w:qFormat/>
    <w:rsid w:val="00FC1BF5"/>
    <w:rPr>
      <w:rFonts w:asciiTheme="minorHAnsi" w:eastAsiaTheme="minorEastAsia" w:hAnsiTheme="minorHAnsi" w:cstheme="minorBidi"/>
      <w:caps w:val="0"/>
      <w:smallCaps/>
      <w:color w:val="auto"/>
      <w:spacing w:val="10"/>
      <w:w w:val="100"/>
      <w:sz w:val="20"/>
      <w:szCs w:val="20"/>
      <w:u w:val="single" w:color="7F7F7F" w:themeColor="text1" w:themeTint="80"/>
    </w:rPr>
  </w:style>
  <w:style w:type="character" w:styleId="IntenseReference">
    <w:name w:val="Intense Reference"/>
    <w:basedOn w:val="DefaultParagraphFont"/>
    <w:uiPriority w:val="32"/>
    <w:qFormat/>
    <w:rsid w:val="00FC1BF5"/>
    <w:rPr>
      <w:rFonts w:asciiTheme="minorHAnsi" w:eastAsiaTheme="minorEastAsia" w:hAnsiTheme="minorHAnsi" w:cstheme="minorBidi"/>
      <w:b/>
      <w:bCs/>
      <w:caps w:val="0"/>
      <w:smallCaps/>
      <w:color w:val="191919" w:themeColor="text1" w:themeTint="E6"/>
      <w:spacing w:val="10"/>
      <w:w w:val="100"/>
      <w:position w:val="0"/>
      <w:sz w:val="20"/>
      <w:szCs w:val="20"/>
      <w:u w:val="single"/>
    </w:rPr>
  </w:style>
  <w:style w:type="character" w:styleId="BookTitle">
    <w:name w:val="Book Title"/>
    <w:basedOn w:val="DefaultParagraphFont"/>
    <w:uiPriority w:val="33"/>
    <w:qFormat/>
    <w:rsid w:val="00FC1BF5"/>
    <w:rPr>
      <w:rFonts w:asciiTheme="minorHAnsi" w:eastAsiaTheme="minorEastAsia" w:hAnsiTheme="minorHAnsi" w:cstheme="minorBidi"/>
      <w:b/>
      <w:bCs/>
      <w:i/>
      <w:iCs/>
      <w:caps w:val="0"/>
      <w:smallCaps w:val="0"/>
      <w:color w:val="auto"/>
      <w:spacing w:val="10"/>
      <w:w w:val="100"/>
      <w:sz w:val="20"/>
      <w:szCs w:val="20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FC1BF5"/>
    <w:pPr>
      <w:outlineLvl w:val="9"/>
    </w:pPr>
  </w:style>
  <w:style w:type="paragraph" w:styleId="Header">
    <w:name w:val="header"/>
    <w:basedOn w:val="Normal"/>
    <w:link w:val="HeaderChar"/>
    <w:uiPriority w:val="99"/>
    <w:unhideWhenUsed/>
    <w:rsid w:val="00FC1BF5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FC1BF5"/>
  </w:style>
  <w:style w:type="paragraph" w:styleId="Footer">
    <w:name w:val="footer"/>
    <w:basedOn w:val="Normal"/>
    <w:link w:val="FooterChar"/>
    <w:uiPriority w:val="99"/>
    <w:unhideWhenUsed/>
    <w:rsid w:val="00FC1BF5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FC1BF5"/>
  </w:style>
  <w:style w:type="character" w:styleId="Hyperlink">
    <w:name w:val="Hyperlink"/>
    <w:basedOn w:val="DefaultParagraphFont"/>
    <w:uiPriority w:val="99"/>
    <w:unhideWhenUsed/>
    <w:rsid w:val="008B6B6B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8B6B6B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yperlink" Target="https://www.g2play.net/category/609/commandos-behind-enemy-lines-steam-key/" TargetMode="External"/><Relationship Id="rId18" Type="http://schemas.openxmlformats.org/officeDocument/2006/relationships/header" Target="head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yperlink" Target="https://www.dualshockers.com/black-desert-online-gets-two-new-classes-next-week-ninja-and-kunoichi/" TargetMode="External"/><Relationship Id="rId17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header" Target="header2.xm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5" Type="http://schemas.openxmlformats.org/officeDocument/2006/relationships/header" Target="header1.xml"/><Relationship Id="rId10" Type="http://schemas.openxmlformats.org/officeDocument/2006/relationships/image" Target="media/image3.png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2.jpg"/><Relationship Id="rId14" Type="http://schemas.openxmlformats.org/officeDocument/2006/relationships/hyperlink" Target="https://www.playstation.com/en-au/games/shinobido-way-of-the-ninja-ps2/" TargetMode="Externa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5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99C558F-78A0-4FDF-8DBF-FEBB3D96EBC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8</Pages>
  <Words>574</Words>
  <Characters>3276</Characters>
  <Application>Microsoft Office Word</Application>
  <DocSecurity>0</DocSecurity>
  <Lines>27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84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inh Huy Le</dc:creator>
  <cp:keywords/>
  <dc:description/>
  <cp:lastModifiedBy>Minh Huy Le</cp:lastModifiedBy>
  <cp:revision>2</cp:revision>
  <dcterms:created xsi:type="dcterms:W3CDTF">2018-06-29T05:19:00Z</dcterms:created>
  <dcterms:modified xsi:type="dcterms:W3CDTF">2018-06-29T05:19:00Z</dcterms:modified>
</cp:coreProperties>
</file>